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240" yWindow="20" windowWidth="14940" windowHeight="9020"/>
  </bookViews>
  <sheets>
    <sheet name="専修学校" sheetId="1" r:id="rId1"/>
  </sheets>
  <definedNames>
    <definedName name="_xlnm.Print_Area" localSheetId="0">専修学校!$B$2:$H$9</definedName>
  </definedNames>
  <calcPr calcId="125725"/>
</workbook>
</file>

<file path=xl/sharedStrings.xml><?xml version="1.0" encoding="utf-8"?>
<sst xmlns="http://schemas.openxmlformats.org/spreadsheetml/2006/main" count="42" uniqueCount="42">
  <si>
    <t>専修学校</t>
    <rPh sb="0" eb="2">
      <t>センシュウ</t>
    </rPh>
    <rPh sb="2" eb="4">
      <t>ガッコウ</t>
    </rPh>
    <phoneticPr fontId="2"/>
  </si>
  <si>
    <t>学校名</t>
    <rPh sb="0" eb="2">
      <t>ガッコウ</t>
    </rPh>
    <rPh sb="2" eb="3">
      <t>メイ</t>
    </rPh>
    <phoneticPr fontId="2"/>
  </si>
  <si>
    <t>郵便番号</t>
    <rPh sb="0" eb="4">
      <t>ユウビンバンゴウ</t>
    </rPh>
    <phoneticPr fontId="2"/>
  </si>
  <si>
    <t>所在地</t>
    <rPh sb="0" eb="3">
      <t>ショザイチ</t>
    </rPh>
    <phoneticPr fontId="2"/>
  </si>
  <si>
    <t>電話</t>
    <rPh sb="0" eb="2">
      <t>デンワ</t>
    </rPh>
    <phoneticPr fontId="2"/>
  </si>
  <si>
    <t>神奈川県立衛生看護
専門学校</t>
    <rPh sb="0" eb="3">
      <t>カナガワ</t>
    </rPh>
    <rPh sb="3" eb="5">
      <t>ケンリツ</t>
    </rPh>
    <phoneticPr fontId="3"/>
  </si>
  <si>
    <t>231-0836</t>
    <phoneticPr fontId="3"/>
  </si>
  <si>
    <t>横浜市中区根岸町2-85-2</t>
    <rPh sb="3" eb="5">
      <t>ナカク</t>
    </rPh>
    <rPh sb="5" eb="7">
      <t>ネギシ</t>
    </rPh>
    <rPh sb="7" eb="8">
      <t>マチ</t>
    </rPh>
    <phoneticPr fontId="3"/>
  </si>
  <si>
    <t>神奈川県立よこはま看護
専門学校</t>
    <rPh sb="9" eb="11">
      <t>カンゴ</t>
    </rPh>
    <rPh sb="12" eb="14">
      <t>センモン</t>
    </rPh>
    <rPh sb="14" eb="16">
      <t>ガッコウ</t>
    </rPh>
    <phoneticPr fontId="3"/>
  </si>
  <si>
    <t>241-0815</t>
    <phoneticPr fontId="3"/>
  </si>
  <si>
    <t>横浜市旭区中尾1-5-1</t>
    <rPh sb="3" eb="4">
      <t>アサヒ</t>
    </rPh>
    <rPh sb="5" eb="7">
      <t>ナカオ</t>
    </rPh>
    <phoneticPr fontId="3"/>
  </si>
  <si>
    <t>254-0063</t>
  </si>
  <si>
    <t>平塚市諏訪町20-12</t>
  </si>
  <si>
    <t>横須賀市立看護専門学校</t>
    <rPh sb="1" eb="3">
      <t>スカ</t>
    </rPh>
    <phoneticPr fontId="3"/>
  </si>
  <si>
    <t>藤沢市立看護専門学校</t>
    <rPh sb="0" eb="2">
      <t>フジサワ</t>
    </rPh>
    <phoneticPr fontId="3"/>
  </si>
  <si>
    <t>251-0052</t>
  </si>
  <si>
    <t>藤沢市藤沢2-6-2</t>
  </si>
  <si>
    <t>よみがな</t>
    <phoneticPr fontId="2"/>
  </si>
  <si>
    <t>238-0017</t>
    <phoneticPr fontId="3"/>
  </si>
  <si>
    <t>横須賀市上町2-36</t>
    <phoneticPr fontId="3"/>
  </si>
  <si>
    <t>(045)625-6767</t>
  </si>
  <si>
    <t>(045)625-6789</t>
  </si>
  <si>
    <t>(045)366-3500</t>
  </si>
  <si>
    <t>(045)366-3524</t>
  </si>
  <si>
    <t>(0463)32-3533</t>
  </si>
  <si>
    <t>(0463)33-8859</t>
  </si>
  <si>
    <t>(046)820-6680</t>
  </si>
  <si>
    <t>(046)827-8617</t>
  </si>
  <si>
    <t>(0466)25-0145</t>
  </si>
  <si>
    <t>(0466)50-8077</t>
  </si>
  <si>
    <t>神奈川県立平塚看護
大学校</t>
    <rPh sb="10" eb="11">
      <t>ダイ</t>
    </rPh>
    <phoneticPr fontId="3"/>
  </si>
  <si>
    <t>ひらつかかんごだいがっこう</t>
    <phoneticPr fontId="2"/>
  </si>
  <si>
    <t>設置者</t>
    <rPh sb="0" eb="2">
      <t>セッチ</t>
    </rPh>
    <rPh sb="2" eb="3">
      <t>シャ</t>
    </rPh>
    <phoneticPr fontId="2"/>
  </si>
  <si>
    <t>神奈川県</t>
    <rPh sb="0" eb="4">
      <t>カナガワケン</t>
    </rPh>
    <phoneticPr fontId="2"/>
  </si>
  <si>
    <t>横須賀市</t>
    <rPh sb="0" eb="3">
      <t>ヨコスカ</t>
    </rPh>
    <rPh sb="3" eb="4">
      <t>シ</t>
    </rPh>
    <phoneticPr fontId="2"/>
  </si>
  <si>
    <t>藤沢市</t>
    <rPh sb="0" eb="2">
      <t>フジサワ</t>
    </rPh>
    <rPh sb="2" eb="3">
      <t>シ</t>
    </rPh>
    <phoneticPr fontId="2"/>
  </si>
  <si>
    <t>ファクシミリ</t>
    <phoneticPr fontId="2"/>
  </si>
  <si>
    <r>
      <t xml:space="preserve">えいせいかんご
</t>
    </r>
    <r>
      <rPr>
        <sz val="11"/>
        <rFont val="ＭＳ Ｐゴシック"/>
        <family val="3"/>
        <charset val="128"/>
      </rPr>
      <t>せんもんがっこう</t>
    </r>
    <phoneticPr fontId="3"/>
  </si>
  <si>
    <r>
      <t xml:space="preserve">よこはまかんご
</t>
    </r>
    <r>
      <rPr>
        <sz val="11"/>
        <rFont val="ＭＳ Ｐゴシック"/>
        <family val="3"/>
        <charset val="128"/>
      </rPr>
      <t>せんもんがっこう</t>
    </r>
    <phoneticPr fontId="3"/>
  </si>
  <si>
    <t>（よこすかしりつ）
かんごせんもんがっこう</t>
    <phoneticPr fontId="3"/>
  </si>
  <si>
    <t>（ふじさわしりつ）
かんごせんもんがっこう</t>
    <phoneticPr fontId="3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  <font>
      <sz val="10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2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54">
    <xf numFmtId="0" fontId="0" fillId="0" borderId="0" xfId="0"/>
    <xf numFmtId="0" fontId="1" fillId="0" borderId="0" xfId="0" applyFont="1"/>
    <xf numFmtId="0" fontId="1" fillId="0" borderId="0" xfId="0" applyFont="1" applyAlignment="1">
      <alignment horizontal="left" vertical="center"/>
    </xf>
    <xf numFmtId="0" fontId="1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horizontal="center"/>
    </xf>
    <xf numFmtId="0" fontId="0" fillId="0" borderId="0" xfId="0" applyFill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Fill="1" applyBorder="1" applyAlignment="1">
      <alignment horizontal="center"/>
    </xf>
    <xf numFmtId="0" fontId="0" fillId="0" borderId="0" xfId="0" applyFill="1" applyBorder="1"/>
    <xf numFmtId="0" fontId="0" fillId="0" borderId="0" xfId="0" applyFill="1"/>
    <xf numFmtId="0" fontId="4" fillId="0" borderId="0" xfId="0" applyFont="1" applyFill="1" applyBorder="1" applyAlignment="1">
      <alignment vertical="center"/>
    </xf>
    <xf numFmtId="0" fontId="1" fillId="0" borderId="0" xfId="0" applyFont="1" applyFill="1"/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/>
    </xf>
    <xf numFmtId="0" fontId="0" fillId="2" borderId="4" xfId="0" applyFont="1" applyFill="1" applyBorder="1" applyAlignment="1">
      <alignment horizontal="center" vertical="center"/>
    </xf>
    <xf numFmtId="0" fontId="0" fillId="0" borderId="0" xfId="0" applyFont="1" applyFill="1" applyBorder="1"/>
    <xf numFmtId="0" fontId="0" fillId="0" borderId="0" xfId="0" applyFont="1" applyFill="1"/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1" xfId="0" applyNumberFormat="1" applyFont="1" applyFill="1" applyBorder="1" applyAlignment="1">
      <alignment horizontal="center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2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vertical="center" shrinkToFit="1"/>
    </xf>
    <xf numFmtId="0" fontId="0" fillId="0" borderId="9" xfId="0" applyNumberFormat="1" applyFont="1" applyFill="1" applyBorder="1" applyAlignment="1">
      <alignment vertical="center" shrinkToFit="1"/>
    </xf>
    <xf numFmtId="0" fontId="0" fillId="0" borderId="12" xfId="0" applyNumberFormat="1" applyFont="1" applyFill="1" applyBorder="1" applyAlignment="1">
      <alignment vertical="center" shrinkToFit="1"/>
    </xf>
    <xf numFmtId="0" fontId="0" fillId="0" borderId="15" xfId="0" applyNumberFormat="1" applyFont="1" applyFill="1" applyBorder="1" applyAlignment="1">
      <alignment vertical="center" shrinkToFit="1"/>
    </xf>
    <xf numFmtId="0" fontId="0" fillId="0" borderId="18" xfId="0" applyNumberFormat="1" applyFont="1" applyFill="1" applyBorder="1" applyAlignment="1">
      <alignment vertical="center" wrapText="1"/>
    </xf>
    <xf numFmtId="0" fontId="0" fillId="0" borderId="19" xfId="0" applyNumberFormat="1" applyFont="1" applyFill="1" applyBorder="1" applyAlignment="1">
      <alignment vertical="center" wrapText="1"/>
    </xf>
    <xf numFmtId="0" fontId="0" fillId="0" borderId="8" xfId="0" applyNumberFormat="1" applyFont="1" applyFill="1" applyBorder="1" applyAlignment="1">
      <alignment vertical="center" wrapText="1"/>
    </xf>
    <xf numFmtId="0" fontId="0" fillId="0" borderId="9" xfId="0" applyNumberFormat="1" applyFont="1" applyFill="1" applyBorder="1" applyAlignment="1">
      <alignment vertical="center" wrapText="1"/>
    </xf>
    <xf numFmtId="0" fontId="0" fillId="0" borderId="11" xfId="0" applyNumberFormat="1" applyFont="1" applyFill="1" applyBorder="1" applyAlignment="1">
      <alignment vertical="center" shrinkToFit="1"/>
    </xf>
    <xf numFmtId="0" fontId="5" fillId="0" borderId="12" xfId="0" applyNumberFormat="1" applyFont="1" applyFill="1" applyBorder="1" applyAlignment="1">
      <alignment vertical="center" wrapText="1"/>
    </xf>
    <xf numFmtId="0" fontId="0" fillId="0" borderId="14" xfId="0" applyNumberFormat="1" applyFont="1" applyFill="1" applyBorder="1" applyAlignment="1">
      <alignment vertical="center" shrinkToFit="1"/>
    </xf>
    <xf numFmtId="0" fontId="5" fillId="0" borderId="15" xfId="0" applyNumberFormat="1" applyFont="1" applyFill="1" applyBorder="1" applyAlignment="1">
      <alignment vertical="center" wrapText="1"/>
    </xf>
    <xf numFmtId="0" fontId="0" fillId="0" borderId="17" xfId="0" applyNumberFormat="1" applyFont="1" applyFill="1" applyBorder="1" applyAlignment="1">
      <alignment vertical="center" wrapText="1"/>
    </xf>
    <xf numFmtId="0" fontId="0" fillId="0" borderId="22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23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26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J10"/>
  <sheetViews>
    <sheetView showGridLines="0" tabSelected="1" zoomScaleNormal="100" workbookViewId="0">
      <selection activeCell="G3" sqref="G3:H3"/>
    </sheetView>
  </sheetViews>
  <sheetFormatPr defaultRowHeight="13" x14ac:dyDescent="0.2"/>
  <cols>
    <col min="1" max="1" width="1.26953125" customWidth="1"/>
    <col min="2" max="2" width="10.90625" style="10" customWidth="1"/>
    <col min="3" max="3" width="22.6328125" customWidth="1"/>
    <col min="4" max="4" width="15.26953125" customWidth="1"/>
    <col min="5" max="5" width="9.36328125" customWidth="1"/>
    <col min="6" max="6" width="25.08984375" customWidth="1"/>
    <col min="7" max="7" width="13.90625" customWidth="1"/>
    <col min="8" max="8" width="13.90625" style="5" customWidth="1"/>
    <col min="9" max="9" width="9" style="10"/>
  </cols>
  <sheetData>
    <row r="2" spans="2:10" x14ac:dyDescent="0.2">
      <c r="B2" s="11" t="s">
        <v>0</v>
      </c>
      <c r="C2" s="1"/>
      <c r="D2" s="2"/>
      <c r="E2" s="2"/>
      <c r="F2" s="3"/>
      <c r="G2" s="2"/>
      <c r="H2" s="3"/>
      <c r="I2" s="6"/>
      <c r="J2" s="4"/>
    </row>
    <row r="3" spans="2:10" ht="13.5" thickBot="1" x14ac:dyDescent="0.25">
      <c r="B3" s="12"/>
      <c r="C3" s="1"/>
      <c r="D3" s="2"/>
      <c r="E3" s="2"/>
      <c r="F3" s="3"/>
      <c r="G3" s="53" t="s">
        <v>41</v>
      </c>
      <c r="H3" s="53"/>
      <c r="I3" s="7"/>
      <c r="J3" s="4"/>
    </row>
    <row r="4" spans="2:10" s="5" customFormat="1" ht="30" customHeight="1" x14ac:dyDescent="0.2">
      <c r="B4" s="15" t="s">
        <v>32</v>
      </c>
      <c r="C4" s="13" t="s">
        <v>1</v>
      </c>
      <c r="D4" s="14" t="s">
        <v>17</v>
      </c>
      <c r="E4" s="13" t="s">
        <v>2</v>
      </c>
      <c r="F4" s="14" t="s">
        <v>3</v>
      </c>
      <c r="G4" s="14" t="s">
        <v>4</v>
      </c>
      <c r="H4" s="16" t="s">
        <v>36</v>
      </c>
      <c r="I4" s="8"/>
    </row>
    <row r="5" spans="2:10" s="18" customFormat="1" ht="30" customHeight="1" x14ac:dyDescent="0.2">
      <c r="B5" s="50" t="s">
        <v>33</v>
      </c>
      <c r="C5" s="45" t="s">
        <v>5</v>
      </c>
      <c r="D5" s="45" t="s">
        <v>37</v>
      </c>
      <c r="E5" s="46" t="s">
        <v>6</v>
      </c>
      <c r="F5" s="47" t="s">
        <v>7</v>
      </c>
      <c r="G5" s="48" t="s">
        <v>20</v>
      </c>
      <c r="H5" s="49" t="s">
        <v>21</v>
      </c>
      <c r="I5" s="17"/>
    </row>
    <row r="6" spans="2:10" s="18" customFormat="1" ht="30" customHeight="1" x14ac:dyDescent="0.2">
      <c r="B6" s="51"/>
      <c r="C6" s="37" t="s">
        <v>8</v>
      </c>
      <c r="D6" s="38" t="s">
        <v>38</v>
      </c>
      <c r="E6" s="21" t="s">
        <v>9</v>
      </c>
      <c r="F6" s="33" t="s">
        <v>10</v>
      </c>
      <c r="G6" s="22" t="s">
        <v>22</v>
      </c>
      <c r="H6" s="23" t="s">
        <v>23</v>
      </c>
      <c r="I6" s="17"/>
    </row>
    <row r="7" spans="2:10" s="18" customFormat="1" ht="30" customHeight="1" x14ac:dyDescent="0.2">
      <c r="B7" s="52"/>
      <c r="C7" s="39" t="s">
        <v>30</v>
      </c>
      <c r="D7" s="40" t="s">
        <v>31</v>
      </c>
      <c r="E7" s="24" t="s">
        <v>11</v>
      </c>
      <c r="F7" s="34" t="s">
        <v>12</v>
      </c>
      <c r="G7" s="25" t="s">
        <v>24</v>
      </c>
      <c r="H7" s="26" t="s">
        <v>25</v>
      </c>
      <c r="I7" s="17"/>
    </row>
    <row r="8" spans="2:10" s="18" customFormat="1" ht="38.5" customHeight="1" x14ac:dyDescent="0.2">
      <c r="B8" s="19" t="s">
        <v>34</v>
      </c>
      <c r="C8" s="41" t="s">
        <v>13</v>
      </c>
      <c r="D8" s="42" t="s">
        <v>39</v>
      </c>
      <c r="E8" s="27" t="s">
        <v>18</v>
      </c>
      <c r="F8" s="35" t="s">
        <v>19</v>
      </c>
      <c r="G8" s="28" t="s">
        <v>26</v>
      </c>
      <c r="H8" s="29" t="s">
        <v>27</v>
      </c>
      <c r="I8" s="17"/>
    </row>
    <row r="9" spans="2:10" s="18" customFormat="1" ht="38.5" customHeight="1" thickBot="1" x14ac:dyDescent="0.25">
      <c r="B9" s="20" t="s">
        <v>35</v>
      </c>
      <c r="C9" s="43" t="s">
        <v>14</v>
      </c>
      <c r="D9" s="44" t="s">
        <v>40</v>
      </c>
      <c r="E9" s="30" t="s">
        <v>15</v>
      </c>
      <c r="F9" s="36" t="s">
        <v>16</v>
      </c>
      <c r="G9" s="31" t="s">
        <v>28</v>
      </c>
      <c r="H9" s="32" t="s">
        <v>29</v>
      </c>
      <c r="I9" s="17"/>
    </row>
    <row r="10" spans="2:10" x14ac:dyDescent="0.2">
      <c r="I10" s="9"/>
    </row>
  </sheetData>
  <mergeCells count="2">
    <mergeCell ref="G3:H3"/>
    <mergeCell ref="B5:B7"/>
  </mergeCells>
  <phoneticPr fontId="2"/>
  <pageMargins left="0.78740157480314965" right="0.78740157480314965" top="0.78740157480314965" bottom="0.98425196850393704" header="0.51181102362204722" footer="0.51181102362204722"/>
  <pageSetup paperSize="9" scale="77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専修学校</vt:lpstr>
      <vt:lpstr>専修学校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2-02-01T07:17:47Z</cp:lastPrinted>
  <dcterms:created xsi:type="dcterms:W3CDTF">2009-12-22T06:53:58Z</dcterms:created>
  <dcterms:modified xsi:type="dcterms:W3CDTF">2024-03-26T07:03:32Z</dcterms:modified>
</cp:coreProperties>
</file>